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8" r:id="rId2"/>
    <p:sldId id="26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11D32"/>
    <a:srgbClr val="FFB502"/>
    <a:srgbClr val="245F2C"/>
    <a:srgbClr val="017F35"/>
    <a:srgbClr val="FF0000"/>
    <a:srgbClr val="FFB42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1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3D0ECC4-92FC-458A-B90E-F825463679EE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D76BAF4-472D-4462-9D52-B85CED7F598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953693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D59F795-15F7-4AD8-BEDB-70B6FD6BD66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073140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67E400-EB0E-4F11-46CB-9CB64AED3DA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0ADA013-8DFB-B8CA-053D-974FA59C2F1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602E0F-141D-737B-4C63-FD795E558E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E4C2F9E-804D-10BC-36F7-7F80FEE9CB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5569B0D-9EA4-BC8D-286D-4BB7FC4D38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199958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B2744-2C71-5C4B-0E53-F3C64753A7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7EB796B-757A-9167-A54B-A6C75DBD1D1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B86455-C3F8-614D-AB1C-4BCEB8279F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B4F47B-E3F8-D4AC-DECA-120A7B14E9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FD8EE1-48F3-E304-7CE9-44E04F6CED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57925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4D5EAC2-3C3D-27B0-DB87-E1E14768BA2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7F80706-BA38-226E-06EA-DA44BDB2A30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CA8065-6350-74B7-C92D-2452703239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DCE1D8-75B2-3C75-D8FD-7E44B03B6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39FFA1-D818-80F1-E1C6-D700393177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95637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418F70-F0DE-216E-3EE4-7448D46514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FD34A6-906E-F538-E13A-C47429E423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191AC8-EBF1-3FE5-EDBC-99B062D9F9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55570F-0334-D5D5-873F-B331CE2CA2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726EE1-6257-0595-5312-C3D3BEACE9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225724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21D91A-2CB5-AE77-23E2-4B4B0E56ED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4495316-7AE2-94B2-A684-B6AFB7063B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0D4741-7BF2-A191-7B2C-C448BE69A3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94201A-122D-AB1C-BF59-97158E2A6B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19A0290-AB2C-D46C-2F9B-DA95C345E8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05412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B50669-E48F-DF23-9B0E-56196C883B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438CF60-A114-93A0-1639-540263730A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BE84E7C-0BDD-F854-A1C3-60BC20147E5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E02DC4-A217-31E1-1410-AB9A975973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8022098-7EFD-5E84-9BFA-72A3FF3F37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1287B7-C315-F9CE-4869-DFE0AF76A9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46168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3AC201-7752-7D7F-4EAE-33C1B862E3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E61784-4AF0-6D87-9AFC-A0AF81C56DA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6E5F38-8348-FCD2-25A9-5F9C7E07C4D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B1D9A19-794E-C8E7-17C9-63E0A15E854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ABDACA1-E57C-6C85-12C4-BB6ABAEEA92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FE5339B-E960-19ED-5A5B-D0892ADE84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34B8730-CE68-3544-9263-2FE13F2D7F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591215E-640B-1E60-48B3-02DE9B8FC9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77620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30F540-3352-6391-925C-7A40157A44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2CE8BEC-D06F-9E16-E29F-7AE75E52B1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867261E-40E2-C2A7-F40F-E8FB2211AC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BC87C24-04DE-FA7B-63A3-5EFE049AD8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72764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BA835FB-BBF2-01ED-8731-AF75D8963B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49FE1E0-4E76-F7CE-1CD9-AFBBE7609A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0CBF9E6-2FAC-CCEE-4DB4-097DD1F3BA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3740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E04D8A-21BA-AE2D-C883-F52568DECB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C1530-B9E5-876B-C1FE-C84E7DF2A4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6E3F5CA-88B7-FC23-F420-E9BDD08C391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96605B-920A-8378-F099-EE1F5B291A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FA39D2-E4C0-1026-3B2C-79934C37BE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6B5B3F2-6975-F5F2-579C-D9F7B07CAA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691547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38A7B8-72D0-401C-F8F3-95D201CA33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449A05D-E742-EA72-40BD-17C0950CBF9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131D056-ED12-AB66-0053-FF064A125F2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ECAF87B-5C47-DCFB-A81A-6982AEEF3F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53F4811-BCAC-F98E-BE7F-AD0060AA4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49477B7-3B69-8951-A4A4-561529B3BF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03870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0E3E907-BE03-6EC3-36B4-AA0E0D7DC3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9073419-EEDD-40DF-51CC-D46FED3BBE7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F0CDBE-5158-874A-6CC2-AF39A8E9487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C2719A47-5D23-4B4C-9B9D-36B58C7CC760}" type="datetimeFigureOut">
              <a:rPr lang="en-US" smtClean="0"/>
              <a:t>6/14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79343-6196-396A-B982-58BD78BE07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E2BD5A-CA31-660A-4CEC-089D593822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DCF892F-7AEB-497C-956F-7D1BE50756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25605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3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image" Target="../media/image4.png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notesSlide" Target="../notesSlides/notesSlid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23">
            <a:lum/>
          </a:blip>
          <a:srcRect/>
          <a:stretch>
            <a:fillRect t="-1000" r="-1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47CEAFF-62F1-36C0-9447-33E39D7524E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185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AD98659E-4F15-11F0-491F-98C47E6828D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54</a:t>
            </a:r>
          </a:p>
        </p:txBody>
      </p:sp>
      <p:cxnSp>
        <p:nvCxnSpPr>
          <p:cNvPr id="27" name="OTLSHAPE_M_bb617211b17943ba92dcfadb9f0f4ed0_Connector1">
            <a:extLst>
              <a:ext uri="{FF2B5EF4-FFF2-40B4-BE49-F238E27FC236}">
                <a16:creationId xmlns:a16="http://schemas.microsoft.com/office/drawing/2014/main" id="{84CF5B79-A3DC-0DA4-8F7B-9F9D20A2D7C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64738" y="1850292"/>
            <a:ext cx="0" cy="182586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5" name="OTLSHAPE_M_20dc4f49a50f46238dfe99dd0b544c59_Connector1">
            <a:extLst>
              <a:ext uri="{FF2B5EF4-FFF2-40B4-BE49-F238E27FC236}">
                <a16:creationId xmlns:a16="http://schemas.microsoft.com/office/drawing/2014/main" id="{B818F65D-46E5-CC63-D615-46FA9923A39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94141" y="3103671"/>
            <a:ext cx="0" cy="282472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3" name="OTLSHAPE_M_992d94f71cc841fd876605e952b00197_Connector1">
            <a:extLst>
              <a:ext uri="{FF2B5EF4-FFF2-40B4-BE49-F238E27FC236}">
                <a16:creationId xmlns:a16="http://schemas.microsoft.com/office/drawing/2014/main" id="{C1CEAB82-2949-BDBB-6179-5EC2EF6723D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227056" y="3103671"/>
            <a:ext cx="0" cy="549608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M_2c6323a22eaa4225ba44c021e8ee2085_Connector1">
            <a:extLst>
              <a:ext uri="{FF2B5EF4-FFF2-40B4-BE49-F238E27FC236}">
                <a16:creationId xmlns:a16="http://schemas.microsoft.com/office/drawing/2014/main" id="{648A8242-4E40-5C37-E621-E2BD66559A9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383634" y="3103671"/>
            <a:ext cx="0" cy="355298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7ffc95a57f6045638997361979992307_Connector1">
            <a:extLst>
              <a:ext uri="{FF2B5EF4-FFF2-40B4-BE49-F238E27FC236}">
                <a16:creationId xmlns:a16="http://schemas.microsoft.com/office/drawing/2014/main" id="{98770D74-B946-282D-3F13-34BFBF072C3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326405" y="3103671"/>
            <a:ext cx="0" cy="1006771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86" name="OTLSHAPE_M_626de0d73f2d42d5b4f9dea077b94be3_Connector1">
            <a:extLst>
              <a:ext uri="{FF2B5EF4-FFF2-40B4-BE49-F238E27FC236}">
                <a16:creationId xmlns:a16="http://schemas.microsoft.com/office/drawing/2014/main" id="{BB6BEEAB-1FA9-C3F6-9FD6-92C55D11F8F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324102" y="2021451"/>
            <a:ext cx="0" cy="701220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90" name="OTLSHAPE_M_efa3e277b2094928bba75a42cc12730c_Connector1">
            <a:extLst>
              <a:ext uri="{FF2B5EF4-FFF2-40B4-BE49-F238E27FC236}">
                <a16:creationId xmlns:a16="http://schemas.microsoft.com/office/drawing/2014/main" id="{C780ABBB-B818-0C49-FB01-DE797BB0D3F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706142" y="3103671"/>
            <a:ext cx="0" cy="555310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79fbade23c8e40f7b6357cc34e7e7412_Connector1">
            <a:extLst>
              <a:ext uri="{FF2B5EF4-FFF2-40B4-BE49-F238E27FC236}">
                <a16:creationId xmlns:a16="http://schemas.microsoft.com/office/drawing/2014/main" id="{DD64AAEC-19D2-5CAE-1F7C-944683D14E0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446621" y="2429880"/>
            <a:ext cx="0" cy="292791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dc7471eca51444ba96bd9deb8bcd6922_Connector1">
            <a:extLst>
              <a:ext uri="{FF2B5EF4-FFF2-40B4-BE49-F238E27FC236}">
                <a16:creationId xmlns:a16="http://schemas.microsoft.com/office/drawing/2014/main" id="{5320BD42-767E-DAA6-2E05-0EB55D5320C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283423" y="3103671"/>
            <a:ext cx="0" cy="361000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008ace0152b3453287dce2d518387ca6_Connector1">
            <a:extLst>
              <a:ext uri="{FF2B5EF4-FFF2-40B4-BE49-F238E27FC236}">
                <a16:creationId xmlns:a16="http://schemas.microsoft.com/office/drawing/2014/main" id="{05AFCFBD-BE11-5DE5-4109-D44B33CC739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433380" y="3103671"/>
            <a:ext cx="0" cy="1175681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992d94f71cc841fd876605e952b00197_Connector2">
            <a:extLst>
              <a:ext uri="{FF2B5EF4-FFF2-40B4-BE49-F238E27FC236}">
                <a16:creationId xmlns:a16="http://schemas.microsoft.com/office/drawing/2014/main" id="{4AB415B3-4B3C-3FF9-72E9-24783BB8B8A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27056" y="4058663"/>
            <a:ext cx="0" cy="205122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20dc4f49a50f46238dfe99dd0b544c59_Connector2">
            <a:extLst>
              <a:ext uri="{FF2B5EF4-FFF2-40B4-BE49-F238E27FC236}">
                <a16:creationId xmlns:a16="http://schemas.microsoft.com/office/drawing/2014/main" id="{29C3F0D2-64DA-6BA1-600F-205E4AC84CD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394141" y="3960437"/>
            <a:ext cx="0" cy="161720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bb617211b17943ba92dcfadb9f0f4ed0_Connector2">
            <a:extLst>
              <a:ext uri="{FF2B5EF4-FFF2-40B4-BE49-F238E27FC236}">
                <a16:creationId xmlns:a16="http://schemas.microsoft.com/office/drawing/2014/main" id="{0B132053-61B5-55A3-3210-6161A082C4B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264738" y="2404480"/>
            <a:ext cx="0" cy="318191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M_89de4a5fbf824713a62dc6f80c347003_Connector1">
            <a:extLst>
              <a:ext uri="{FF2B5EF4-FFF2-40B4-BE49-F238E27FC236}">
                <a16:creationId xmlns:a16="http://schemas.microsoft.com/office/drawing/2014/main" id="{B8F9A617-56CF-1B89-7E00-992C31C700B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586216" y="3103670"/>
            <a:ext cx="0" cy="1806242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M_8417d0c38ddc4637a6adc2f1289f534a_Connector1">
            <a:extLst>
              <a:ext uri="{FF2B5EF4-FFF2-40B4-BE49-F238E27FC236}">
                <a16:creationId xmlns:a16="http://schemas.microsoft.com/office/drawing/2014/main" id="{77123B1E-69E2-EEC3-C996-AB235AFCD55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273493" y="3103671"/>
            <a:ext cx="0" cy="981371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008ace0152b3453287dce2d518387ca6_Connector2">
            <a:extLst>
              <a:ext uri="{FF2B5EF4-FFF2-40B4-BE49-F238E27FC236}">
                <a16:creationId xmlns:a16="http://schemas.microsoft.com/office/drawing/2014/main" id="{22A325E8-2837-84AA-DF8E-372D7CD6B9F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433380" y="4887428"/>
            <a:ext cx="0" cy="189628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M_7ffc95a57f6045638997361979992307_Connector2">
            <a:extLst>
              <a:ext uri="{FF2B5EF4-FFF2-40B4-BE49-F238E27FC236}">
                <a16:creationId xmlns:a16="http://schemas.microsoft.com/office/drawing/2014/main" id="{62BBBF03-3923-F2EC-63D8-8357E9DED03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326405" y="4887428"/>
            <a:ext cx="0" cy="1000754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34e273ee266e430a85c26f98bc6d406d_LeftVerticalConnector1">
            <a:extLst>
              <a:ext uri="{FF2B5EF4-FFF2-40B4-BE49-F238E27FC236}">
                <a16:creationId xmlns:a16="http://schemas.microsoft.com/office/drawing/2014/main" id="{635EBCB8-EAD9-52EF-D2C2-7461CD7B5BC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72927" y="1273802"/>
            <a:ext cx="0" cy="151236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34e273ee266e430a85c26f98bc6d406d_RightVerticalConnector1">
            <a:extLst>
              <a:ext uri="{FF2B5EF4-FFF2-40B4-BE49-F238E27FC236}">
                <a16:creationId xmlns:a16="http://schemas.microsoft.com/office/drawing/2014/main" id="{7660C88F-65A8-C608-DC1C-1EB2111C4DF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908867" y="1273803"/>
            <a:ext cx="0" cy="64737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_34e273ee266e430a85c26f98bc6d406d_RightVerticalConnector2">
            <a:extLst>
              <a:ext uri="{FF2B5EF4-FFF2-40B4-BE49-F238E27FC236}">
                <a16:creationId xmlns:a16="http://schemas.microsoft.com/office/drawing/2014/main" id="{A38F7623-A14E-E02D-301D-B06CE1EB517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908867" y="2326560"/>
            <a:ext cx="0" cy="45961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6ef087c8d0744862b26fff9db8274f01_LeftVerticalConnector1">
            <a:extLst>
              <a:ext uri="{FF2B5EF4-FFF2-40B4-BE49-F238E27FC236}">
                <a16:creationId xmlns:a16="http://schemas.microsoft.com/office/drawing/2014/main" id="{9C549A69-B23B-67A8-B28E-4BC5C3B939C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499388" y="1273802"/>
            <a:ext cx="0" cy="17948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6ef087c8d0744862b26fff9db8274f01_LeftVerticalConnector2">
            <a:extLst>
              <a:ext uri="{FF2B5EF4-FFF2-40B4-BE49-F238E27FC236}">
                <a16:creationId xmlns:a16="http://schemas.microsoft.com/office/drawing/2014/main" id="{DCDC5212-5990-C764-D3A7-948B9E358A3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499388" y="1824892"/>
            <a:ext cx="0" cy="20798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_6ef087c8d0744862b26fff9db8274f01_LeftVerticalConnector3">
            <a:extLst>
              <a:ext uri="{FF2B5EF4-FFF2-40B4-BE49-F238E27FC236}">
                <a16:creationId xmlns:a16="http://schemas.microsoft.com/office/drawing/2014/main" id="{5D902EC8-302F-EEA0-190E-71313A3A9B8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499388" y="2404480"/>
            <a:ext cx="0" cy="38169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6ef087c8d0744862b26fff9db8274f01_RightVerticalConnector1">
            <a:extLst>
              <a:ext uri="{FF2B5EF4-FFF2-40B4-BE49-F238E27FC236}">
                <a16:creationId xmlns:a16="http://schemas.microsoft.com/office/drawing/2014/main" id="{F691A816-471F-0AC5-3C5F-1A842B918F7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024765" y="1273802"/>
            <a:ext cx="0" cy="75907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6ef087c8d0744862b26fff9db8274f01_RightVerticalConnector2">
            <a:extLst>
              <a:ext uri="{FF2B5EF4-FFF2-40B4-BE49-F238E27FC236}">
                <a16:creationId xmlns:a16="http://schemas.microsoft.com/office/drawing/2014/main" id="{06738D9E-B1E8-FBAC-72D5-1CFF08FD966D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024765" y="2235570"/>
            <a:ext cx="0" cy="5506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M_35287d5adb1944399f804aed2111949d_Connector1">
            <a:extLst>
              <a:ext uri="{FF2B5EF4-FFF2-40B4-BE49-F238E27FC236}">
                <a16:creationId xmlns:a16="http://schemas.microsoft.com/office/drawing/2014/main" id="{915F974A-AE47-CE26-9CF6-59CE7782BF6F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69185" y="2520870"/>
            <a:ext cx="0" cy="201801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M_392c7c54b2b04769863e73b766614859_Connector1">
            <a:extLst>
              <a:ext uri="{FF2B5EF4-FFF2-40B4-BE49-F238E27FC236}">
                <a16:creationId xmlns:a16="http://schemas.microsoft.com/office/drawing/2014/main" id="{3F238DD3-3BAC-56A2-D25B-1A565BA69503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761789" y="3103671"/>
            <a:ext cx="0" cy="257072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efa3e277b2094928bba75a42cc12730c_Connector2">
            <a:extLst>
              <a:ext uri="{FF2B5EF4-FFF2-40B4-BE49-F238E27FC236}">
                <a16:creationId xmlns:a16="http://schemas.microsoft.com/office/drawing/2014/main" id="{9D49ED80-9DEE-6767-7379-0686E3BE31D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3706142" y="3861673"/>
            <a:ext cx="0" cy="463476"/>
          </a:xfrm>
          <a:prstGeom prst="line">
            <a:avLst/>
          </a:prstGeom>
          <a:ln w="1270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5999858-659A-1115-A120-B8A75BB1575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44465" y="2786171"/>
            <a:ext cx="10515600" cy="254000"/>
          </a:xfrm>
          <a:prstGeom prst="roundRect">
            <a:avLst/>
          </a:prstGeom>
          <a:solidFill>
            <a:schemeClr val="l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bg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AE65F47E-1B65-C490-03C0-C3E5A685C5E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44465" y="2786171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8328569-A2C8-8186-F934-C8517A0723F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707014" y="3040171"/>
            <a:ext cx="76200" cy="84667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0EB9582-BE6F-E6E4-9A6B-6818E621CEF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07965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855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83D0299-CCAD-8C44-7F61-C3E19100059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958287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875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20461C4-581C-2B9F-6E6C-2B7B072A3FC6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008608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89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D43F0849-5C2A-5BD3-F614-A16AF5C2819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058786" y="2794934"/>
            <a:ext cx="372538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915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BBC9BCC7-DEE9-38EA-D0EF-F82A33B7281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109107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93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C7F9C0D2-998D-DECB-BD42-C2396B23E79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159428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955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5A0208BA-C5C3-DC1A-4488-9E6ECD85406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209749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975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D88B1E89-964A-9D23-6A45-B5F9E027C71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260071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1995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21FAEE8B-B851-F830-DF50-52641871CAF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310392" y="2794934"/>
            <a:ext cx="39235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2015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D016DF57-A887-C094-8446-A0463F30364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360713" y="2794934"/>
            <a:ext cx="412164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2035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E121020-3CFF-5C64-C9EC-3A51B2FD288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9F0B7DA-B869-0470-CBFB-F5226E8C7AF2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894787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C93C0AA2-ABC2-ED97-3A33-CFF6DA34E724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2945108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81B8696-7B26-243B-44C0-5D8D5626C61C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3995286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8092EE42-D222-D2E0-753A-0778E46DF68B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5045607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203F8F7-A8B1-F76D-B192-47FB26A47B78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6095928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2FA229FD-209F-AB58-9ADA-6D2EFC1AA3D5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7146249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C453002E-C0AE-8E27-A639-26C909E26C6D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8196571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824BB197-8FAC-70AE-B1A5-00737A5D936A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9246892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EB6A544F-3EED-5890-EB5E-7FA40AFFF822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10297213" y="2824271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1" name="OTLSHAPE_T_c2f059f897414b6f8f962af16e280480_Shape">
            <a:extLst>
              <a:ext uri="{FF2B5EF4-FFF2-40B4-BE49-F238E27FC236}">
                <a16:creationId xmlns:a16="http://schemas.microsoft.com/office/drawing/2014/main" id="{AC5DBD4E-DCD0-EF38-6869-245635E9E0F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369842" y="597908"/>
            <a:ext cx="114300" cy="127000"/>
          </a:xfrm>
          <a:prstGeom prst="chevron">
            <a:avLst/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9" name="OTLSHAPE_T_6ef087c8d0744862b26fff9db8274f01_Shape">
            <a:extLst>
              <a:ext uri="{FF2B5EF4-FFF2-40B4-BE49-F238E27FC236}">
                <a16:creationId xmlns:a16="http://schemas.microsoft.com/office/drawing/2014/main" id="{B044ED4D-D09F-483D-E069-7048A71A2B0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499388" y="1210302"/>
            <a:ext cx="533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7" name="OTLSHAPE_T_34e273ee266e430a85c26f98bc6d406d_Shape">
            <a:extLst>
              <a:ext uri="{FF2B5EF4-FFF2-40B4-BE49-F238E27FC236}">
                <a16:creationId xmlns:a16="http://schemas.microsoft.com/office/drawing/2014/main" id="{B2EFBC06-49B6-8A28-C0CE-1C6DF14092F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072927" y="1210302"/>
            <a:ext cx="28448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1" name="OTLSHAPE_T_c2f059f897414b6f8f962af16e280480_ShapePercentage" hidden="1">
            <a:extLst>
              <a:ext uri="{FF2B5EF4-FFF2-40B4-BE49-F238E27FC236}">
                <a16:creationId xmlns:a16="http://schemas.microsoft.com/office/drawing/2014/main" id="{31975C32-B37D-8BE9-D3F0-92F0ECF00E7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369842" y="59790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9" name="OTLSHAPE_T_6ef087c8d0744862b26fff9db8274f01_ShapePercentage" hidden="1">
            <a:extLst>
              <a:ext uri="{FF2B5EF4-FFF2-40B4-BE49-F238E27FC236}">
                <a16:creationId xmlns:a16="http://schemas.microsoft.com/office/drawing/2014/main" id="{6A381325-4EF0-0925-B7F4-5A2B4F3D34D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499388" y="121030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34e273ee266e430a85c26f98bc6d406d_ShapePercentage" hidden="1">
            <a:extLst>
              <a:ext uri="{FF2B5EF4-FFF2-40B4-BE49-F238E27FC236}">
                <a16:creationId xmlns:a16="http://schemas.microsoft.com/office/drawing/2014/main" id="{307FBC1A-3109-3A30-DC61-5DCC4AF796F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072927" y="121030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c2f059f897414b6f8f962af16e280480_JoinedDate">
            <a:extLst>
              <a:ext uri="{FF2B5EF4-FFF2-40B4-BE49-F238E27FC236}">
                <a16:creationId xmlns:a16="http://schemas.microsoft.com/office/drawing/2014/main" id="{20AD6800-68B7-2723-073F-19EE1B0DB4E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25746" y="576953"/>
            <a:ext cx="711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865 - 1867</a:t>
            </a:r>
          </a:p>
        </p:txBody>
      </p:sp>
      <p:sp>
        <p:nvSpPr>
          <p:cNvPr id="83" name="OTLSHAPE_T_6ef087c8d0744862b26fff9db8274f01_JoinedDate">
            <a:extLst>
              <a:ext uri="{FF2B5EF4-FFF2-40B4-BE49-F238E27FC236}">
                <a16:creationId xmlns:a16="http://schemas.microsoft.com/office/drawing/2014/main" id="{02CA4810-535D-2F15-E030-ED7EC95B12F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075565" y="1189347"/>
            <a:ext cx="711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867 - 1877</a:t>
            </a:r>
          </a:p>
        </p:txBody>
      </p:sp>
      <p:sp>
        <p:nvSpPr>
          <p:cNvPr id="112" name="OTLSHAPE_T_34e273ee266e430a85c26f98bc6d406d_JoinedDate">
            <a:extLst>
              <a:ext uri="{FF2B5EF4-FFF2-40B4-BE49-F238E27FC236}">
                <a16:creationId xmlns:a16="http://schemas.microsoft.com/office/drawing/2014/main" id="{E45EA404-D837-C506-0FF4-47CF39E25C5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959667" y="1189347"/>
            <a:ext cx="711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16 - 1970</a:t>
            </a:r>
          </a:p>
        </p:txBody>
      </p:sp>
      <p:sp>
        <p:nvSpPr>
          <p:cNvPr id="68" name="OTLSHAPE_T_c2f059f897414b6f8f962af16e280480_Title">
            <a:extLst>
              <a:ext uri="{FF2B5EF4-FFF2-40B4-BE49-F238E27FC236}">
                <a16:creationId xmlns:a16="http://schemas.microsoft.com/office/drawing/2014/main" id="{287B75F9-EB07-7EFA-6D7F-59441540768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369842" y="374261"/>
            <a:ext cx="3695700" cy="20269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ost-emancipation period known as Reconstruction</a:t>
            </a:r>
            <a:endParaRPr kumimoji="0" lang="en-US" sz="1200" b="1" i="0" u="none" strike="noStrike" kern="1200" cap="none" spc="-4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84" name="OTLSHAPE_T_6ef087c8d0744862b26fff9db8274f01_Title">
            <a:extLst>
              <a:ext uri="{FF2B5EF4-FFF2-40B4-BE49-F238E27FC236}">
                <a16:creationId xmlns:a16="http://schemas.microsoft.com/office/drawing/2014/main" id="{54D927E8-7697-ECBF-2829-95F9367693A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499388" y="783963"/>
            <a:ext cx="21717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adical Reconstruction period spearheaded by republicans</a:t>
            </a:r>
            <a:endParaRPr kumimoji="0" lang="en-US" sz="1200" b="1" i="0" u="none" strike="noStrike" kern="1200" cap="none" spc="-2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3" name="OTLSHAPE_T_34e273ee266e430a85c26f98bc6d406d_Title">
            <a:extLst>
              <a:ext uri="{FF2B5EF4-FFF2-40B4-BE49-F238E27FC236}">
                <a16:creationId xmlns:a16="http://schemas.microsoft.com/office/drawing/2014/main" id="{784941C2-6FBB-C01F-ABF1-A0AA68B67CA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072927" y="783963"/>
            <a:ext cx="36957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Great Migration, millions of African Americans move from the rural South to the urban North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3" name="OTLSHAPE_T_c2f059f897414b6f8f962af16e280480_Duration" hidden="1">
            <a:extLst>
              <a:ext uri="{FF2B5EF4-FFF2-40B4-BE49-F238E27FC236}">
                <a16:creationId xmlns:a16="http://schemas.microsoft.com/office/drawing/2014/main" id="{1ED3A79B-AD1F-67F3-42BF-99995D47BC7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23 days</a:t>
            </a:r>
          </a:p>
        </p:txBody>
      </p:sp>
      <p:sp>
        <p:nvSpPr>
          <p:cNvPr id="64" name="OTLSHAPE_T_c2f059f897414b6f8f962af16e280480_TextPercentage" hidden="1">
            <a:extLst>
              <a:ext uri="{FF2B5EF4-FFF2-40B4-BE49-F238E27FC236}">
                <a16:creationId xmlns:a16="http://schemas.microsoft.com/office/drawing/2014/main" id="{7A4F00BC-F3F3-AA93-4514-0220863B83A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2f059f897414b6f8f962af16e280480_StartDate" hidden="1">
            <a:extLst>
              <a:ext uri="{FF2B5EF4-FFF2-40B4-BE49-F238E27FC236}">
                <a16:creationId xmlns:a16="http://schemas.microsoft.com/office/drawing/2014/main" id="{285B920D-631E-E65A-3D9D-A08F5803BFC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66" name="OTLSHAPE_T_c2f059f897414b6f8f962af16e280480_EndDate" hidden="1">
            <a:extLst>
              <a:ext uri="{FF2B5EF4-FFF2-40B4-BE49-F238E27FC236}">
                <a16:creationId xmlns:a16="http://schemas.microsoft.com/office/drawing/2014/main" id="{5F9893BA-2C9F-DA91-9FCE-EBC9DCDA647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80" name="OTLSHAPE_T_6ef087c8d0744862b26fff9db8274f01_Duration" hidden="1">
            <a:extLst>
              <a:ext uri="{FF2B5EF4-FFF2-40B4-BE49-F238E27FC236}">
                <a16:creationId xmlns:a16="http://schemas.microsoft.com/office/drawing/2014/main" id="{BBC1226D-1BDD-EA7F-B1BA-4D447440E91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610 days</a:t>
            </a:r>
          </a:p>
        </p:txBody>
      </p:sp>
      <p:sp>
        <p:nvSpPr>
          <p:cNvPr id="81" name="OTLSHAPE_T_6ef087c8d0744862b26fff9db8274f01_TextPercentage" hidden="1">
            <a:extLst>
              <a:ext uri="{FF2B5EF4-FFF2-40B4-BE49-F238E27FC236}">
                <a16:creationId xmlns:a16="http://schemas.microsoft.com/office/drawing/2014/main" id="{47B5279B-F6DD-0FCB-CE32-3DF2AC30E19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6ef087c8d0744862b26fff9db8274f01_StartDate" hidden="1">
            <a:extLst>
              <a:ext uri="{FF2B5EF4-FFF2-40B4-BE49-F238E27FC236}">
                <a16:creationId xmlns:a16="http://schemas.microsoft.com/office/drawing/2014/main" id="{4006AF23-2252-3A99-FFD8-CFEA8D85F38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108" name="OTLSHAPE_T_6ef087c8d0744862b26fff9db8274f01_EndDate" hidden="1">
            <a:extLst>
              <a:ext uri="{FF2B5EF4-FFF2-40B4-BE49-F238E27FC236}">
                <a16:creationId xmlns:a16="http://schemas.microsoft.com/office/drawing/2014/main" id="{8005FF61-0E20-CB85-752D-7BB0A67C6F0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110" name="OTLSHAPE_T_34e273ee266e430a85c26f98bc6d406d_Duration" hidden="1">
            <a:extLst>
              <a:ext uri="{FF2B5EF4-FFF2-40B4-BE49-F238E27FC236}">
                <a16:creationId xmlns:a16="http://schemas.microsoft.com/office/drawing/2014/main" id="{BC11261E-3A7B-5FB1-6979-482A3FF4A33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4088 days</a:t>
            </a:r>
          </a:p>
        </p:txBody>
      </p:sp>
      <p:sp>
        <p:nvSpPr>
          <p:cNvPr id="111" name="OTLSHAPE_T_34e273ee266e430a85c26f98bc6d406d_TextPercentage" hidden="1">
            <a:extLst>
              <a:ext uri="{FF2B5EF4-FFF2-40B4-BE49-F238E27FC236}">
                <a16:creationId xmlns:a16="http://schemas.microsoft.com/office/drawing/2014/main" id="{2C938663-DA2C-546F-5120-FD7B9FAFD85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34e273ee266e430a85c26f98bc6d406d_StartDate" hidden="1">
            <a:extLst>
              <a:ext uri="{FF2B5EF4-FFF2-40B4-BE49-F238E27FC236}">
                <a16:creationId xmlns:a16="http://schemas.microsoft.com/office/drawing/2014/main" id="{68E505C1-C230-6F77-BF15-62DAEAC13C4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122" name="OTLSHAPE_T_34e273ee266e430a85c26f98bc6d406d_EndDate" hidden="1">
            <a:extLst>
              <a:ext uri="{FF2B5EF4-FFF2-40B4-BE49-F238E27FC236}">
                <a16:creationId xmlns:a16="http://schemas.microsoft.com/office/drawing/2014/main" id="{4B1E535A-A5CC-E12A-2141-5DE3112021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737373"/>
              </a:solidFill>
              <a:latin typeface="Segoe UI" panose="020B0502040204020203" pitchFamily="34" charset="0"/>
            </a:endParaRPr>
          </a:p>
        </p:txBody>
      </p:sp>
      <p:sp>
        <p:nvSpPr>
          <p:cNvPr id="39" name="OTLSHAPE_M_bb617211b17943ba92dcfadb9f0f4ed0_Shape">
            <a:extLst>
              <a:ext uri="{FF2B5EF4-FFF2-40B4-BE49-F238E27FC236}">
                <a16:creationId xmlns:a16="http://schemas.microsoft.com/office/drawing/2014/main" id="{253EA601-90DC-865A-A8E5-55AA9AFE937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150438" y="2595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2" name="OTLSHAPE_M_20dc4f49a50f46238dfe99dd0b544c59_Shape">
            <a:extLst>
              <a:ext uri="{FF2B5EF4-FFF2-40B4-BE49-F238E27FC236}">
                <a16:creationId xmlns:a16="http://schemas.microsoft.com/office/drawing/2014/main" id="{B1BE2317-5630-73A6-3EAE-1CDC307E2B87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279841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5" name="OTLSHAPE_M_79fbade23c8e40f7b6357cc34e7e7412_Shape">
            <a:extLst>
              <a:ext uri="{FF2B5EF4-FFF2-40B4-BE49-F238E27FC236}">
                <a16:creationId xmlns:a16="http://schemas.microsoft.com/office/drawing/2014/main" id="{45D35AC1-897C-14DA-078F-B22079D25BE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332321" y="2595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48" name="OTLSHAPE_M_008ace0152b3453287dce2d518387ca6_Shape">
            <a:extLst>
              <a:ext uri="{FF2B5EF4-FFF2-40B4-BE49-F238E27FC236}">
                <a16:creationId xmlns:a16="http://schemas.microsoft.com/office/drawing/2014/main" id="{1EBB17ED-AB30-F373-B439-9228BA4A170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7319080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1" name="OTLSHAPE_M_89de4a5fbf824713a62dc6f80c347003_Shape">
            <a:extLst>
              <a:ext uri="{FF2B5EF4-FFF2-40B4-BE49-F238E27FC236}">
                <a16:creationId xmlns:a16="http://schemas.microsoft.com/office/drawing/2014/main" id="{40AD827F-4A4A-E17E-76B9-65794A5A56DD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9471916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4" name="OTLSHAPE_M_8417d0c38ddc4637a6adc2f1289f534a_Shape">
            <a:extLst>
              <a:ext uri="{FF2B5EF4-FFF2-40B4-BE49-F238E27FC236}">
                <a16:creationId xmlns:a16="http://schemas.microsoft.com/office/drawing/2014/main" id="{A36A06CC-2264-84BB-2C10-DC6536CC9E8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8159193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57" name="OTLSHAPE_M_7ffc95a57f6045638997361979992307_Shape">
            <a:extLst>
              <a:ext uri="{FF2B5EF4-FFF2-40B4-BE49-F238E27FC236}">
                <a16:creationId xmlns:a16="http://schemas.microsoft.com/office/drawing/2014/main" id="{CC1BC1EC-4BE7-6C12-6482-91CCA3F9E06E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212105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60" name="OTLSHAPE_M_2c6323a22eaa4225ba44c021e8ee2085_Shape">
            <a:extLst>
              <a:ext uri="{FF2B5EF4-FFF2-40B4-BE49-F238E27FC236}">
                <a16:creationId xmlns:a16="http://schemas.microsoft.com/office/drawing/2014/main" id="{E4EFB1D5-F2E6-E827-C05E-BD31AC600BEC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6269334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0" name="OTLSHAPE_M_392c7c54b2b04769863e73b766614859_Shape">
            <a:extLst>
              <a:ext uri="{FF2B5EF4-FFF2-40B4-BE49-F238E27FC236}">
                <a16:creationId xmlns:a16="http://schemas.microsoft.com/office/drawing/2014/main" id="{FC42F248-D733-E5F6-3BCD-7F54BAFDECC6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647489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tx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76" name="OTLSHAPE_M_626de0d73f2d42d5b4f9dea077b94be3_Shape">
            <a:extLst>
              <a:ext uri="{FF2B5EF4-FFF2-40B4-BE49-F238E27FC236}">
                <a16:creationId xmlns:a16="http://schemas.microsoft.com/office/drawing/2014/main" id="{BFB9668D-2296-1AD0-22BA-FECD83605F4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9209802" y="2595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6" name="OTLSHAPE_M_dc7471eca51444ba96bd9deb8bcd6922_Shape">
            <a:extLst>
              <a:ext uri="{FF2B5EF4-FFF2-40B4-BE49-F238E27FC236}">
                <a16:creationId xmlns:a16="http://schemas.microsoft.com/office/drawing/2014/main" id="{F306F608-3841-B6F6-937C-BB988A400D4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169123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9" name="OTLSHAPE_M_35287d5adb1944399f804aed2111949d_Shape">
            <a:extLst>
              <a:ext uri="{FF2B5EF4-FFF2-40B4-BE49-F238E27FC236}">
                <a16:creationId xmlns:a16="http://schemas.microsoft.com/office/drawing/2014/main" id="{2010020A-E510-D436-9785-3924BAF22A21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954885" y="2595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2" name="OTLSHAPE_M_efa3e277b2094928bba75a42cc12730c_Shape">
            <a:extLst>
              <a:ext uri="{FF2B5EF4-FFF2-40B4-BE49-F238E27FC236}">
                <a16:creationId xmlns:a16="http://schemas.microsoft.com/office/drawing/2014/main" id="{97F4BD1D-90B7-BC77-65DF-FB3019F57C78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3591842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5" name="OTLSHAPE_M_992d94f71cc841fd876605e952b00197_Shape">
            <a:extLst>
              <a:ext uri="{FF2B5EF4-FFF2-40B4-BE49-F238E27FC236}">
                <a16:creationId xmlns:a16="http://schemas.microsoft.com/office/drawing/2014/main" id="{632C8BAF-5B35-12CC-028C-C875D2982FC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112756" y="2976671"/>
            <a:ext cx="228600" cy="254000"/>
          </a:xfrm>
          <a:prstGeom prst="diamond">
            <a:avLst/>
          </a:prstGeom>
          <a:solidFill>
            <a:schemeClr val="lt1"/>
          </a:solidFill>
          <a:ln w="19050" cap="flat" cmpd="sng" algn="ctr">
            <a:solidFill>
              <a:schemeClr val="accent1">
                <a:shade val="1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37" name="OTLSHAPE_M_bb617211b17943ba92dcfadb9f0f4ed0_Title">
            <a:extLst>
              <a:ext uri="{FF2B5EF4-FFF2-40B4-BE49-F238E27FC236}">
                <a16:creationId xmlns:a16="http://schemas.microsoft.com/office/drawing/2014/main" id="{D8920E63-4BBA-9B4E-4C3B-F3689D472E3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53626" y="1453290"/>
            <a:ext cx="1028700" cy="20269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eedom's Eve</a:t>
            </a:r>
          </a:p>
        </p:txBody>
      </p:sp>
      <p:sp>
        <p:nvSpPr>
          <p:cNvPr id="38" name="OTLSHAPE_M_bb617211b17943ba92dcfadb9f0f4ed0_Date">
            <a:extLst>
              <a:ext uri="{FF2B5EF4-FFF2-40B4-BE49-F238E27FC236}">
                <a16:creationId xmlns:a16="http://schemas.microsoft.com/office/drawing/2014/main" id="{7D18FC1B-8E42-8E75-0421-C78278F02B2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95007" y="1655982"/>
            <a:ext cx="939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anuary 1, 1863</a:t>
            </a:r>
          </a:p>
        </p:txBody>
      </p:sp>
      <p:sp>
        <p:nvSpPr>
          <p:cNvPr id="40" name="OTLSHAPE_M_20dc4f49a50f46238dfe99dd0b544c59_Title">
            <a:extLst>
              <a:ext uri="{FF2B5EF4-FFF2-40B4-BE49-F238E27FC236}">
                <a16:creationId xmlns:a16="http://schemas.microsoft.com/office/drawing/2014/main" id="{050FAE6A-7074-0656-D818-3CAB27A0636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03262" y="4316467"/>
            <a:ext cx="23876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Union Troops arrive in Galveston Bay, Texas, liberate 250k slaves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1" name="OTLSHAPE_M_20dc4f49a50f46238dfe99dd0b544c59_Date">
            <a:extLst>
              <a:ext uri="{FF2B5EF4-FFF2-40B4-BE49-F238E27FC236}">
                <a16:creationId xmlns:a16="http://schemas.microsoft.com/office/drawing/2014/main" id="{F729B5D7-19DD-DAB9-22D1-38D59D00F37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83211" y="4147557"/>
            <a:ext cx="825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 19, 1865</a:t>
            </a:r>
          </a:p>
        </p:txBody>
      </p:sp>
      <p:sp>
        <p:nvSpPr>
          <p:cNvPr id="43" name="OTLSHAPE_M_79fbade23c8e40f7b6357cc34e7e7412_Title">
            <a:extLst>
              <a:ext uri="{FF2B5EF4-FFF2-40B4-BE49-F238E27FC236}">
                <a16:creationId xmlns:a16="http://schemas.microsoft.com/office/drawing/2014/main" id="{84562EE8-496D-5297-8244-7414E96C17A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77870" y="2032878"/>
            <a:ext cx="2540000" cy="20269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irst Juneteenth official celebration</a:t>
            </a:r>
          </a:p>
        </p:txBody>
      </p:sp>
      <p:sp>
        <p:nvSpPr>
          <p:cNvPr id="44" name="OTLSHAPE_M_79fbade23c8e40f7b6357cc34e7e7412_Date">
            <a:extLst>
              <a:ext uri="{FF2B5EF4-FFF2-40B4-BE49-F238E27FC236}">
                <a16:creationId xmlns:a16="http://schemas.microsoft.com/office/drawing/2014/main" id="{33DDC927-591A-5534-AB22-8F52087EE5A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35691" y="2235570"/>
            <a:ext cx="825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 19, 1866</a:t>
            </a:r>
          </a:p>
        </p:txBody>
      </p:sp>
      <p:sp>
        <p:nvSpPr>
          <p:cNvPr id="46" name="OTLSHAPE_M_008ace0152b3453287dce2d518387ca6_Title">
            <a:extLst>
              <a:ext uri="{FF2B5EF4-FFF2-40B4-BE49-F238E27FC236}">
                <a16:creationId xmlns:a16="http://schemas.microsoft.com/office/drawing/2014/main" id="{1B432B12-A654-C648-0183-E82A8B222E9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667210" y="5271365"/>
            <a:ext cx="15367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teenth becomes state holiday in Texas</a:t>
            </a:r>
            <a:endParaRPr kumimoji="0" lang="en-US" sz="1200" b="1" i="0" u="none" strike="noStrike" kern="1200" cap="none" spc="-6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7" name="OTLSHAPE_M_008ace0152b3453287dce2d518387ca6_Date">
            <a:extLst>
              <a:ext uri="{FF2B5EF4-FFF2-40B4-BE49-F238E27FC236}">
                <a16:creationId xmlns:a16="http://schemas.microsoft.com/office/drawing/2014/main" id="{F865AD06-78D3-540E-9263-3D3C67E9545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022450" y="5102456"/>
            <a:ext cx="825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 19, 1980</a:t>
            </a:r>
          </a:p>
        </p:txBody>
      </p:sp>
      <p:sp>
        <p:nvSpPr>
          <p:cNvPr id="49" name="OTLSHAPE_M_89de4a5fbf824713a62dc6f80c347003_Title">
            <a:extLst>
              <a:ext uri="{FF2B5EF4-FFF2-40B4-BE49-F238E27FC236}">
                <a16:creationId xmlns:a16="http://schemas.microsoft.com/office/drawing/2014/main" id="{10A1F975-3AA2-CCFD-A831-48AE5B6B73F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767773" y="5104223"/>
            <a:ext cx="16383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teenth is elevated to federal holiday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0" name="OTLSHAPE_M_89de4a5fbf824713a62dc6f80c347003_Date">
            <a:extLst>
              <a:ext uri="{FF2B5EF4-FFF2-40B4-BE49-F238E27FC236}">
                <a16:creationId xmlns:a16="http://schemas.microsoft.com/office/drawing/2014/main" id="{2880B717-AF35-B009-CC77-C4B93489BBC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175286" y="4935313"/>
            <a:ext cx="825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 17, 2021</a:t>
            </a:r>
          </a:p>
        </p:txBody>
      </p:sp>
      <p:sp>
        <p:nvSpPr>
          <p:cNvPr id="52" name="OTLSHAPE_M_8417d0c38ddc4637a6adc2f1289f534a_Title">
            <a:extLst>
              <a:ext uri="{FF2B5EF4-FFF2-40B4-BE49-F238E27FC236}">
                <a16:creationId xmlns:a16="http://schemas.microsoft.com/office/drawing/2014/main" id="{83DA3AE0-C50D-65B5-7C2E-9727AD1AE2C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176489" y="4279352"/>
            <a:ext cx="2197100" cy="608076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arbara Rose Collins proposes bill to make Juneteenth into a federal holiday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3" name="OTLSHAPE_M_8417d0c38ddc4637a6adc2f1289f534a_Date">
            <a:extLst>
              <a:ext uri="{FF2B5EF4-FFF2-40B4-BE49-F238E27FC236}">
                <a16:creationId xmlns:a16="http://schemas.microsoft.com/office/drawing/2014/main" id="{F766D318-857C-F156-F761-09276836771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127359" y="4110442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96</a:t>
            </a:r>
          </a:p>
        </p:txBody>
      </p:sp>
      <p:sp>
        <p:nvSpPr>
          <p:cNvPr id="55" name="OTLSHAPE_M_7ffc95a57f6045638997361979992307_Title">
            <a:extLst>
              <a:ext uri="{FF2B5EF4-FFF2-40B4-BE49-F238E27FC236}">
                <a16:creationId xmlns:a16="http://schemas.microsoft.com/office/drawing/2014/main" id="{4A5BEEBF-73EC-F3AA-12E1-5DC9582A405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337202" y="6082492"/>
            <a:ext cx="19812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teenth Flag created by Ben Haith of NJCF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6" name="OTLSHAPE_M_7ffc95a57f6045638997361979992307_Date">
            <a:extLst>
              <a:ext uri="{FF2B5EF4-FFF2-40B4-BE49-F238E27FC236}">
                <a16:creationId xmlns:a16="http://schemas.microsoft.com/office/drawing/2014/main" id="{5FA7D669-AD04-E384-7F71-53534CCBDA9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180270" y="5913582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97</a:t>
            </a:r>
          </a:p>
        </p:txBody>
      </p:sp>
      <p:sp>
        <p:nvSpPr>
          <p:cNvPr id="58" name="OTLSHAPE_M_2c6323a22eaa4225ba44c021e8ee2085_Title">
            <a:extLst>
              <a:ext uri="{FF2B5EF4-FFF2-40B4-BE49-F238E27FC236}">
                <a16:creationId xmlns:a16="http://schemas.microsoft.com/office/drawing/2014/main" id="{05AA5BC7-E128-6688-13D6-C442EF6127C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378048" y="3653279"/>
            <a:ext cx="20193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teenth resurges during Civil Rights movement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59" name="OTLSHAPE_M_2c6323a22eaa4225ba44c021e8ee2085_Date">
            <a:extLst>
              <a:ext uri="{FF2B5EF4-FFF2-40B4-BE49-F238E27FC236}">
                <a16:creationId xmlns:a16="http://schemas.microsoft.com/office/drawing/2014/main" id="{CD13D903-116E-5831-56B1-2F7BD14B856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237500" y="3484369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60</a:t>
            </a:r>
            <a:endParaRPr kumimoji="0" lang="en-US" sz="1000" b="1" i="0" u="none" strike="noStrike" kern="1200" cap="none" spc="-1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5" name="OTLSHAPE_M_392c7c54b2b04769863e73b766614859_Title">
            <a:extLst>
              <a:ext uri="{FF2B5EF4-FFF2-40B4-BE49-F238E27FC236}">
                <a16:creationId xmlns:a16="http://schemas.microsoft.com/office/drawing/2014/main" id="{D7B793B7-0B64-DB60-971E-B01B252F6D1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83043" y="3555053"/>
            <a:ext cx="29591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lack people of Houston Texas buy land for Juneteenth, create Emancipation park</a:t>
            </a:r>
            <a:endParaRPr kumimoji="0" lang="en-US" sz="1200" b="1" i="0" u="none" strike="noStrike" kern="1200" cap="none" spc="-4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6" name="OTLSHAPE_M_392c7c54b2b04769863e73b766614859_Date">
            <a:extLst>
              <a:ext uri="{FF2B5EF4-FFF2-40B4-BE49-F238E27FC236}">
                <a16:creationId xmlns:a16="http://schemas.microsoft.com/office/drawing/2014/main" id="{F1D80A9B-86A2-ED4F-46EB-02382C142A1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350859" y="3386143"/>
            <a:ext cx="825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une 19, 1872</a:t>
            </a:r>
          </a:p>
        </p:txBody>
      </p:sp>
      <p:sp>
        <p:nvSpPr>
          <p:cNvPr id="71" name="OTLSHAPE_M_626de0d73f2d42d5b4f9dea077b94be3_Title">
            <a:extLst>
              <a:ext uri="{FF2B5EF4-FFF2-40B4-BE49-F238E27FC236}">
                <a16:creationId xmlns:a16="http://schemas.microsoft.com/office/drawing/2014/main" id="{6AFA5053-E79D-87AD-9909-528943C9081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625372" y="1421757"/>
            <a:ext cx="34036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st Opal Lee starts Opal's Walk 2 DC at the age of 89 to raise awareness about Juneteenth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2" name="OTLSHAPE_M_626de0d73f2d42d5b4f9dea077b94be3_Date">
            <a:extLst>
              <a:ext uri="{FF2B5EF4-FFF2-40B4-BE49-F238E27FC236}">
                <a16:creationId xmlns:a16="http://schemas.microsoft.com/office/drawing/2014/main" id="{8CEF71DA-422C-8FED-F608-02F2E1DCDD7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177968" y="1827141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94" name="OTLSHAPE_M_dc7471eca51444ba96bd9deb8bcd6922_Title">
            <a:extLst>
              <a:ext uri="{FF2B5EF4-FFF2-40B4-BE49-F238E27FC236}">
                <a16:creationId xmlns:a16="http://schemas.microsoft.com/office/drawing/2014/main" id="{EC0D31D0-B2A0-5AC5-229B-8A109A75E0F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70191" y="3658981"/>
            <a:ext cx="1435100" cy="20269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arlem Renaissance</a:t>
            </a:r>
          </a:p>
        </p:txBody>
      </p:sp>
      <p:sp>
        <p:nvSpPr>
          <p:cNvPr id="95" name="OTLSHAPE_M_dc7471eca51444ba96bd9deb8bcd6922_Date">
            <a:extLst>
              <a:ext uri="{FF2B5EF4-FFF2-40B4-BE49-F238E27FC236}">
                <a16:creationId xmlns:a16="http://schemas.microsoft.com/office/drawing/2014/main" id="{ADAF6331-5441-006B-A222-BAA6D2BF261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137288" y="3490071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20</a:t>
            </a:r>
          </a:p>
        </p:txBody>
      </p:sp>
      <p:sp>
        <p:nvSpPr>
          <p:cNvPr id="97" name="OTLSHAPE_M_35287d5adb1944399f804aed2111949d_Title">
            <a:extLst>
              <a:ext uri="{FF2B5EF4-FFF2-40B4-BE49-F238E27FC236}">
                <a16:creationId xmlns:a16="http://schemas.microsoft.com/office/drawing/2014/main" id="{9E79E09D-CA4D-4A53-2B79-DB79AB54F98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134488" y="1921176"/>
            <a:ext cx="38735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rown v. Board of Education, Supreme Court declares segregation in public schools unconstitutional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98" name="OTLSHAPE_M_35287d5adb1944399f804aed2111949d_Date">
            <a:extLst>
              <a:ext uri="{FF2B5EF4-FFF2-40B4-BE49-F238E27FC236}">
                <a16:creationId xmlns:a16="http://schemas.microsoft.com/office/drawing/2014/main" id="{5D0C93C2-0EE4-1477-6EDD-02359A7BFFA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923050" y="2326560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54</a:t>
            </a:r>
          </a:p>
        </p:txBody>
      </p:sp>
      <p:sp>
        <p:nvSpPr>
          <p:cNvPr id="100" name="OTLSHAPE_M_efa3e277b2094928bba75a42cc12730c_Title">
            <a:extLst>
              <a:ext uri="{FF2B5EF4-FFF2-40B4-BE49-F238E27FC236}">
                <a16:creationId xmlns:a16="http://schemas.microsoft.com/office/drawing/2014/main" id="{9C60E06D-EAAA-753C-B8D6-C70580A7775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120989" y="4519459"/>
            <a:ext cx="1181100" cy="20269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NAACP founded</a:t>
            </a:r>
            <a:endParaRPr kumimoji="0" lang="en-US" sz="1200" b="1" i="0" u="none" strike="noStrike" kern="1200" cap="none" spc="-10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01" name="OTLSHAPE_M_efa3e277b2094928bba75a42cc12730c_Date">
            <a:extLst>
              <a:ext uri="{FF2B5EF4-FFF2-40B4-BE49-F238E27FC236}">
                <a16:creationId xmlns:a16="http://schemas.microsoft.com/office/drawing/2014/main" id="{8F39B8D4-0372-D009-AB6F-F827B63EF87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560007" y="4350549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09</a:t>
            </a:r>
          </a:p>
        </p:txBody>
      </p:sp>
      <p:sp>
        <p:nvSpPr>
          <p:cNvPr id="103" name="OTLSHAPE_M_992d94f71cc841fd876605e952b00197_Title">
            <a:extLst>
              <a:ext uri="{FF2B5EF4-FFF2-40B4-BE49-F238E27FC236}">
                <a16:creationId xmlns:a16="http://schemas.microsoft.com/office/drawing/2014/main" id="{04AFF6A9-194E-E737-2831-EDB8ADE647F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502627" y="4458095"/>
            <a:ext cx="1460500" cy="40538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rtin Luther King  founds SCLC</a:t>
            </a:r>
            <a:endParaRPr kumimoji="0" lang="en-US" sz="1200" b="1" i="0" u="none" strike="noStrike" kern="1200" cap="none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04" name="OTLSHAPE_M_992d94f71cc841fd876605e952b00197_Date">
            <a:extLst>
              <a:ext uri="{FF2B5EF4-FFF2-40B4-BE49-F238E27FC236}">
                <a16:creationId xmlns:a16="http://schemas.microsoft.com/office/drawing/2014/main" id="{39206460-D241-2E91-A8DD-82AAB6B3C3E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080922" y="4289185"/>
            <a:ext cx="30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957</a:t>
            </a:r>
          </a:p>
        </p:txBody>
      </p:sp>
      <p:sp>
        <p:nvSpPr>
          <p:cNvPr id="136" name="TextBox 135">
            <a:extLst>
              <a:ext uri="{FF2B5EF4-FFF2-40B4-BE49-F238E27FC236}">
                <a16:creationId xmlns:a16="http://schemas.microsoft.com/office/drawing/2014/main" id="{38297D98-63AF-E3E5-DED2-60F9A018146F}"/>
              </a:ext>
            </a:extLst>
          </p:cNvPr>
          <p:cNvSpPr txBox="1"/>
          <p:nvPr/>
        </p:nvSpPr>
        <p:spPr>
          <a:xfrm>
            <a:off x="2794830" y="5128332"/>
            <a:ext cx="3791611" cy="12144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C11D32"/>
                </a:solidFill>
                <a:latin typeface="Aptos Black" panose="020B0004020202020204" pitchFamily="34" charset="0"/>
              </a:rPr>
              <a:t>JUNE  19</a:t>
            </a:r>
            <a:r>
              <a:rPr lang="en-US" sz="2400" baseline="30000" dirty="0">
                <a:solidFill>
                  <a:srgbClr val="C11D32"/>
                </a:solidFill>
                <a:latin typeface="Aptos Black" panose="020B0004020202020204" pitchFamily="34" charset="0"/>
              </a:rPr>
              <a:t>TH</a:t>
            </a:r>
            <a:endParaRPr lang="en-US" sz="2400" dirty="0">
              <a:solidFill>
                <a:srgbClr val="C11D32"/>
              </a:solidFill>
              <a:latin typeface="Aptos Black" panose="020B0004020202020204" pitchFamily="34" charset="0"/>
            </a:endParaRPr>
          </a:p>
          <a:p>
            <a:pPr algn="ctr">
              <a:lnSpc>
                <a:spcPts val="4400"/>
              </a:lnSpc>
            </a:pPr>
            <a:r>
              <a:rPr lang="en-US" sz="4400" dirty="0">
                <a:solidFill>
                  <a:srgbClr val="FFB502"/>
                </a:solidFill>
                <a:latin typeface="Aptos Black" panose="020B0004020202020204" pitchFamily="34" charset="0"/>
              </a:rPr>
              <a:t>JUNETEENTH</a:t>
            </a:r>
          </a:p>
          <a:p>
            <a:pPr algn="ctr">
              <a:lnSpc>
                <a:spcPts val="800"/>
              </a:lnSpc>
            </a:pPr>
            <a:r>
              <a:rPr lang="en-US" sz="2400" b="1" dirty="0">
                <a:solidFill>
                  <a:srgbClr val="245F2C"/>
                </a:solidFill>
                <a:latin typeface="Segoe Print" panose="02000600000000000000" pitchFamily="2" charset="0"/>
              </a:rPr>
              <a:t>timeline</a:t>
            </a:r>
          </a:p>
        </p:txBody>
      </p:sp>
      <p:pic>
        <p:nvPicPr>
          <p:cNvPr id="138" name="Picture 137">
            <a:extLst>
              <a:ext uri="{FF2B5EF4-FFF2-40B4-BE49-F238E27FC236}">
                <a16:creationId xmlns:a16="http://schemas.microsoft.com/office/drawing/2014/main" id="{265355D9-860B-A70D-D8AC-DB30E9E37373}"/>
              </a:ext>
            </a:extLst>
          </p:cNvPr>
          <p:cNvPicPr>
            <a:picLocks noChangeAspect="1"/>
          </p:cNvPicPr>
          <p:nvPr/>
        </p:nvPicPr>
        <p:blipFill>
          <a:blip r:embed="rId1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916195" y="4820205"/>
            <a:ext cx="2029905" cy="23021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023471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y4wNC4wNi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My4wLCJMZWZ0IjowLjAsIlJpZ2h0IjowLjAsIkJvdHRvbSI6My4wfSwiQmFja2dyb3VuZCI6eyIkaWQiOiIzNyIsIkNvbG9yIjp7IiRpZCI6IjM4IiwiQSI6MjU1LCJSIjo2OCwiRyI6ODQsIkIiOjEwNn19LCJJc1Zpc2libGUiOnRydWUsIldpZHRoIjo4NTguMCwiSGVpZ2h0IjoyM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bnVsbCwiUGFyZW50U3R5bGUiOm51bGx9LCJEYXRlRm9ybWF0Ijp7IiRpZCI6IjE0M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2OSIsIlRvcCI6MC4wLCJMZWZ0IjowLjAsIlJpZ2h0IjowLjAsIkJvdHRvbSI6MC4wfSwiUGFkZGluZyI6eyIkaWQiOiIxNzAiLCJUb3AiOjAuMCwiTGVmdCI6MC4wLCJSaWdodCI6MC4wLCJCb3R0b20iOjAuMH0sIkJhY2tncm91bmQiOnsiJGlkIjoiMTcxIiwiQ29sb3IiOnsiJGlkIjoiMTcyIiwiQSI6MCwiUiI6MjU1LCJHIjoyNTUsIkIiOjI1NX19LCJJc1Zpc2libGUiOnRydWUsIldpZHRoIjowLjAsIkhlaWdodCI6MC4wLCJCb3JkZXJTdHlsZSI6bnVsbCwiUGFyZW50U3R5bGUiOm51bGx9LCJEYXRlRm9ybWF0Ijp7IiRpZCI6IjE3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NzQiLCJEYXRlUGFydElzVmlzaWJsZSI6dHJ1ZSwiVGltZVBhcnRJc1Zpc2libGUiOmZhbHNlfX0sIldlZWtOdW1iZXJpbmciOnsiJGlkIjoiMTc1IiwiRm9ybWF0IjowLCJJc1Zpc2libGUiOmZhbHNlLCJMYXN0S25vd25WaXNpYmlsaXR5U3RhdGUiOmZhbHNlfSwiSXNWaXNpYmxlIjp0cnVlLCJQYXJlbnRTdHlsZSI6bnVsbH0sIkRlZmF1bHRUYXNrU3R5bGUiOnsiJGlkIjoiMTc2IiwiU2hhcGUiOjQsIlNoYXBlVGhpY2tuZXNzIjowLCJEdXJhdGlvbkZvcm1hdCI6MCwiSW5jbHVkZU5vbldvcmtpbmdEYXlzSW5EdXJhdGlvbiI6ZmFsc2UsIlBlcmNlbnRhZ2VDb21wbGV0ZV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pZCI6IjE4NCIsIkEiOjg5LCJSIjowLCJHIjowLCJCIjowfX0sIklzVmlzaWJsZSI6dHJ1ZSwiV2lkdGgiOjAuMCwiSGVpZ2h0IjowLjAsIkJvcmRlclN0eWxlIjpudWxsLCJQYXJlbnRTdHlsZSI6bnVsbH0sIkR1cmF0aW9uU3R5bGUiOnsiJGlkIjoiMTg1IiwiRm9udFNldHRpbmdzIjp7IiRpZCI6IjE4NiIsIkZvbnRTaXplIjoxMCwiRm9udE5hbWUiOiJDYWxpYnJpIiwiSXNCb2xkIjpmYWxzZSwiSXNJdGFsaWMiOmZhbHNlLCJJc1VuZGVybGluZWQiOmZhbHNlLCJQYXJlbnRTdHlsZSI6bnVsbH0sIkF1dG9TaXplIjowLCJGb3JlZ3JvdW5kIjp7IiRpZCI6IjE4NyIsIkNvbG9yIjp7IiRpZCI6IjE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7IiRpZCI6IjIyMSIsIkNvbG9yIjp7IiRpZCI6IjIyMiIsIkEiOjAsIlIiOjI1NSwiRyI6MjU1LCJCIjoyNTV9fSwiSXNWaXNpYmxlIjp0cnVlLCJXaWR0aCI6MC4wLCJIZWlnaHQiOjAuMCwiQm9yZGVyU3R5bGUiOm51bGwsIlBhcmVudFN0eWxlIjpudWxsfSwiRGF0ZUZvcm1hdCI6eyIkaWQiOiIyMj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iLCJGb3JtYXQiOjAsIklzVmlzaWJsZSI6ZmFsc2UsIkxhc3RLbm93blZpc2liaWxpdHlTdGF0ZSI6ZmFsc2V9LCJJc1Zpc2libGUiOnRydWUsIlBhcmVudFN0eWxlIjpudWxsLCJfZXhwbGljaXRseVNldCI6eyIkaWQiOiIyMj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CwiRyI6MCwiQiI6MH19LCJJc1Zpc2libGUiOnRydWUsIldpZHRoIjowLjAsIkhlaWdodCI6MC4wLCJCb3JkZXJTdHlsZSI6bnVsbCwiUGFyZW50U3R5bGUiOm51bGx9LCJEYXRlU3R5bGUiOnsiJGlkIjoiMjQzIiwiRm9udFNldHRpbmdzIjp7IiRpZCI6IjI0NCIsIkZvbnRTaXplIjoxNCwiRm9udE5hbWUiOiJTZWdvZSBVSSIsIklzQm9sZCI6dHJ1ZSwiSXNJdGFsaWMiOmZhbHNlLCJJc1VuZGVybGluZWQiOmZhbHNlLCJQYXJlbnRTdHlsZSI6bnVsbH0sIkF1dG9TaXplIjowLCJGb3JlZ3JvdW5kIjp7IiRpZCI6IjI0NSIsIkNvbG9yIjp7IiRpZCI6IjI0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AsIlIiOjAsIkciOjAsIkIiOjB9fSwiSXNWaXNpYmxlIjp0cnVlLCJXaWR0aCI6MC4wLCJIZWlnaHQiOjAuMCwiQm9yZGVyU3R5bGUiOm51bGwsIlBhcmVudFN0eWxlIjpudWxsfSwiRGF0ZUZvcm1hdCI6eyIkaWQiOiIyNT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GlkIjoiMzE0IiwiQSI6ODksIlIiOjAsIkciOjAsIkIiOjB9fSwiSXNWaXNpYmxlIjp0cnVlLCJXaWR0aCI6MC4wLCJIZWlnaHQiOjAuMCwiQm9yZGVyU3R5bGUiOm51bGwsIlBhcmVudFN0eWxlIjpudWxsfSwiRHVyYXRpb25TdHlsZSI6eyIkaWQiOiIzMTUiLCJGb250U2V0dGluZ3MiOnsiJGlkIjoiMzE2IiwiRm9udFNpemUiOjEwLCJGb250TmFtZSI6IkNhbGlicmkiLCJJc0JvbGQiOmZhbHNlLCJJc0l0YWxpYyI6ZmFsc2UsIklzVW5kZXJsaW5lZCI6ZmFsc2UsIlBhcmVudFN0eWxlIjpudWxsfSwiQXV0b1NpemUiOjAsIkZvcmVncm91bmQiOnsiJGlkIjoiMzE3IiwiQ29sb3IiOnsiJGlkIjoiMz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MjkiLCJNYXJnaW4iOnsiJGlkIjoiMzMwIiwiVG9wIjowLjAsIkxlZnQiOjQuMCwiUmlnaHQiOjQuMCwiQm90dG9tIjowLjB9LCJQYWRkaW5nIjp7IiRpZCI6IjMzMSIsIlRvcCI6MC4wLCJMZWZ0IjowLjAsIlJpZ2h0IjowLjAsIkJvdHRvbSI6MC4wfSwiQmFja2dyb3VuZCI6eyIkaWQiOiIzMzIiLCJDb2xvciI6eyIkaWQiOiIzMzMiLCJBIjoyNTUsIlIiOjI1NSwiRyI6MjU1LCJCIjoyNTV9fSwiSXNWaXNpYmxlIjp0cnVlLCJXaWR0aCI6MC4wLCJIZWlnaHQiOjEw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bnVsbH0sIlRpdGxlU3R5bGUiOnsiJGlkIjoiMzM3IiwiRm9udFNldHRpbmdzIjp7IiRpZCI6IjMzOCIsIkZvbnRTaXplIjoxMiwiRm9udE5hbWUiOiJTZWdvZSBVSSIsIklzQm9sZCI6dHJ1ZSwiSXNJdGFsaWMiOmZhbHNlLCJJc1VuZGVybGluZWQiOmZhbHNlLCJQYXJlbnRTdHlsZSI6bnVsbH0sIkF1dG9TaXplIjowLCJGb3JlZ3JvdW5kIjp7IiRpZCI6IjMzOSIsIkNvbG9yIjp7IiRpZCI6IjM0MCIsIkEiOjI1NSwiUiI6MjMyLCJHIjoyMzIsIkIiOjIzMn19LCJNYXhXaWR0aCI6OTY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pZCI6IjM0MyIsIkNvbG9yIjp7IiRpZCI6IjM0NCIsIkEiOjAsIlIiOjAsIkciOjAsIkIiOjB9fSwiSXNWaXNpYmxlIjp0cnVlLCJXaWR0aCI6MC4wLCJIZWlnaHQiOjAuMCwiQm9yZGVyU3R5bGUiOm51bGwsIlBhcmVudFN0eWxlIjpudWxsfSwiRGF0ZVN0eWxlIjp7IiRpZCI6IjM0NSIsIkZvbnRTZXR0aW5ncyI6eyIkaWQiOiIzNDYiLCJGb250U2l6ZSI6MTQsIkZvbnROYW1lIjoiU2Vnb2UgVUkgU2VtaWJvbGQiLCJJc0JvbGQiOnRydWUsIklzSXRhbGljIjpmYWxzZSwiSXNVbmRlcmxpbmVkIjpmYWxzZSwiUGFyZW50U3R5bGUiOm51bGx9LCJBdXRvU2l6ZSI6MCwiRm9yZWdyb3VuZCI6eyIkaWQiOiIzNDciLCJDb2xvciI6eyIkaWQiOiIzND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aWQiOiIzNTIiLCJBIjowLCJSIjowLCJHIjowLCJCIjowfX0sIklzVmlzaWJsZSI6dHJ1ZSwiV2lkdGgiOjAuMCwiSGVpZ2h0IjowLjAsIkJvcmRlclN0eWxlIjpudWxsLCJQYXJlbnRTdHlsZSI6bnVsbH0sIkRhdGVGb3JtYXQiOnsiJGlkIjoiMz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CIsIkZvcm1hdCI6MCwiSXNWaXNpYmxlIjpmYWxzZSwiTGFzdEtub3duVmlzaWJpbGl0eVN0YXRlIjpmYWxzZX0sIklzVmlzaWJsZSI6dHJ1ZSwiUGFyZW50U3R5bGUiOm51bGwsIl9leHBsaWNpdGx5U2V0Ijp7IiRpZCI6IjM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pZCI6IjM3NyIsIkEiOjAsIlIiOjAsIkciOjAsIkIiOjB9fSwiSXNWaXNpYmxlIjp0cnVlLCJXaWR0aCI6MC4wLCJIZWlnaHQiOjAuMCwiQm9yZGVyU3R5bGUiOm51bGwsIlBhcmVudFN0eWxlIjpudWxsfSwiRGF0ZVN0eWxlIjp7IiRpZCI6IjM3OCIsIkZvbnRTZXR0aW5ncyI6eyIkaWQiOiIzNzkiLCJGb250U2l6ZSI6MTQsIkZvbnROYW1lIjoiU2Vnb2UgVUkiLCJJc0JvbGQiOnRydWUsIklzSXRhbGljIjpmYWxzZSwiSXNVbmRlcmxpbmVkIjpmYWxzZSwiUGFyZW50U3R5bGUiOm51bGx9LCJBdXRvU2l6ZSI6MCwiRm9yZWdyb3VuZCI6eyIkaWQiOiIzODAiLCJDb2xvciI6eyIkaWQiOiIzOD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aWQiOiIzODQiLCJDb2xvciI6eyIkaWQiOiIzODUiLCJBIjowLCJSIjowLCJHIjowLCJCIjowfX0sIklzVmlzaWJsZSI6dHJ1ZSwiV2lkdGgiOjAuMCwiSGVpZ2h0IjowLjAsIkJvcmRlclN0eWxlIjpudWxsLCJQYXJlbnRTdHlsZSI6bnVsbH0sIkRhdGVGb3JtYXQiOnsiJGlkIjoiMzg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aWQiOiI0MDUiLCJBIjowLCJSIjowLCJHIjowLCJCIjowfX0sIklzVmlzaWJsZSI6dHJ1ZSwiV2lkdGgiOjAuMCwiSGVpZ2h0IjowLjAsIkJvcmRlclN0eWxlIjpudWxsLCJQYXJlbnRTdHlsZSI6bnVsbH0sIkRhdGVTdHlsZSI6eyIkaWQiOiI0MDYiLCJGb250U2V0dGluZ3MiOnsiJGlkIjoiNDA3IiwiRm9udFNpemUiOjE0LCJGb250TmFtZSI6IlNlZ29lIFVJIiwiSXNCb2xkIjp0cnVlLCJJc0l0YWxpYyI6ZmFsc2UsIklzVW5kZXJsaW5lZCI6ZmFsc2UsIlBhcmVudFN0eWxlIjpudWxsfSwiQXV0b1NpemUiOjAsIkZvcmVncm91bmQiOnsiJGlkIjoiNDA4IiwiQ29sb3IiOnsiJGlkIjoiNDA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xMCIsIlRvcCI6MC4wLCJMZWZ0IjowLjAsIlJpZ2h0IjowLjAsIkJvdHRvbSI6MC4wfSwiUGFkZGluZyI6eyIkaWQiOiI0MTEiLCJUb3AiOjAuMCwiTGVmdCI6MC4wLCJSaWdodCI6MC4wLCJCb3R0b20iOjAuMH0sIkJhY2tncm91bmQiOnsiJGlkIjoiNDEyIiwiQ29sb3IiOnsiJGlkIjoiNDEzIiwiQSI6MCwiUiI6MCwiRyI6MCwiQiI6MH19LCJJc1Zpc2libGUiOnRydWUsIldpZHRoIjowLjAsIkhlaWdodCI6MC4wLCJCb3JkZXJTdHlsZSI6bnVsbCwiUGFyZW50U3R5bGUiOm51bGx9LCJEYXRlRm9ybWF0Ijp7IiRpZCI6IjQx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VN0eWxlIjp7IiRpZCI6IjQ3OCIsIkZvbnRTZXR0aW5ncyI6eyIkaWQiOiI0NzkiLCJGb250U2l6ZSI6MTAsIkZvbnROYW1lIjoiU2Vnb2UgVUkiLCJJc0JvbGQiOnRydWUsIklzSXRhbGljIjpmYWxzZSwiSXNVbmRlcmxpbmVkIjpmYWxzZSwiUGFyZW50U3R5bGUiOm51bGx9LCJBdXRvU2l6ZSI6MCwiRm9yZWdyb3VuZCI6eyIkaWQiOiI0ODAiLCJDb2xvciI6eyIkaWQiOiI0OD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wLCJSIjoyNTUsIkciOjI1NSwiQiI6MjU1fX0sIklzVmlzaWJsZSI6dHJ1ZSwiV2lkdGgiOjAuMCwiSGVpZ2h0IjowLjAsIkJvcmRlclN0eWxlIjp7IiRpZCI6IjQ4NiIsIkxpbmVDb2xvciI6bnVsbCwiTGluZVdlaWdodCI6MC4wLCJMaW5lVHlwZSI6MCwiUGFyZW50U3R5bGUiOm51bGx9LCJQYXJlbnRTdHlsZSI6bnVsbH0sIkRhdGVGb3JtYXQiOnsiJGlkIjoiNDg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U3R5bGUiOnsiJGlkIjoiNTE2IiwiRm9udFNldHRpbmdzIjp7IiRpZCI6IjUxNyIsIkZvbnRTaXplIjoxMCwiRm9udE5hbWUiOiJTZWdvZSBVSSIsIklzQm9sZCI6dHJ1ZSwiSXNJdGFsaWMiOmZhbHNlLCJJc1VuZGVybGluZWQiOmZhbHNlLCJQYXJlbnRTdHlsZSI6bnVsbH0sIkF1dG9TaXplIjowLCJGb3JlZ3JvdW5kIjp7IiRpZCI6IjUxOCIsIkNvbG9yIjp7IiRpZCI6IjUx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UZvcm1hdCI6eyIkaWQiOiI1Mj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UZvcm1hdCI6eyIkaWQiOiI2M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wLCJSIjoyNTUsIkciOjI1NSwiQiI6MjU1fX0sIklzVmlzaWJsZSI6dHJ1ZSwiV2lkdGgiOjAuMCwiSGVpZ2h0IjowLjAsIkJvcmRlclN0eWxlIjp7IiRpZCI6IjYzOCIsIkxpbmVDb2xvciI6bnVsbCwiTGluZVdlaWdodCI6MC4wLCJMaW5lVHlwZSI6MCwiUGFyZW50U3R5bGUiOm51bGx9LCJQYXJlbnRTdHlsZSI6bnVsbH0sIkRhdGVGb3JtYXQiOnsiJGlkIjoiNjM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7IiRpZCI6Ijc0MyIsIkxpbmVDb2xvciI6bnVsbCwiTGluZVdlaWdodCI6MC4wLCJMaW5lVHlwZSI6MCwiUGFyZW50U3R5bGUiOm51bGx9LCJQYXJlbnRTdHlsZSI6bnVsbH0sIkRhdGVTdHlsZSI6eyIkaWQiOiI3NDQiLCJGb250U2V0dGluZ3MiOnsiJGlkIjoiNzQ1IiwiRm9udFNpemUiOjEwLCJGb250TmFtZSI6IlNlZ29lIFVJIiwiSXNCb2xkIjp0cnVlLCJJc0l0YWxpYyI6ZmFsc2UsIklzVW5kZXJsaW5lZCI6ZmFsc2UsIlBhcmVudFN0eWxlIjpudWxsfSwiQXV0b1NpemUiOjAsIkZvcmVncm91bmQiOnsiJGlkIjoiNzQ2IiwiQ29sb3IiOnsiJGlkIjoiNzQ3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MCwiUiI6MjU1LCJHIjoyNTUsIkIiOjI1NX19LCJJc1Zpc2libGUiOnRydWUsIldpZHRoIjowLjAsIkhlaWdodCI6MC4wLCJCb3JkZXJTdHlsZSI6eyIkaWQiOiI3NTIiLCJMaW5lQ29sb3IiOm51bGwsIkxpbmVXZWlnaHQiOjAuMCwiTGluZVR5cGUiOjAsIlBhcmVudFN0eWxlIjpudWxsfSwiUGFyZW50U3R5bGUiOm51bGx9LCJEYXRlRm9ybWF0Ijp7IiRpZCI6Ijc1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7IiRpZCI6Ijg2NCIsIkNvbG9yIjp7IiRpZCI6Ijg2NSIsIkEiOjAsIlIiOjI1NSwiRyI6MjU1LCJCIjoyNTV9fSwiSXNWaXNpYmxlIjp0cnVlLCJXaWR0aCI6MC4wLCJIZWlnaHQiOjAuMCwiQm9yZGVyU3R5bGUiOnsiJGlkIjoiODY2IiwiTGluZUNvbG9yIjpudWxsLCJMaW5lV2VpZ2h0IjowLjAsIkxpbmVUeXBlIjowLCJQYXJlbnRTdHlsZSI6bnVsbH0sIlBhcmVudFN0eWxlIjpudWxsfSwiRGF0ZUZvcm1hdCI6eyIkaWQiOiI4N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wLCJSIjoyNTUsIkciOjI1NSwiQiI6MjU1fX0sIklzVmlzaWJsZSI6dHJ1ZSwiV2lkdGgiOjAuMCwiSGVpZ2h0IjowLjAsIkJvcmRlclN0eWxlIjp7IiRpZCI6Ijk4MCIsIkxpbmVDb2xvciI6bnVsbCwiTGluZVdlaWdodCI6MC4wLCJMaW5lVHlwZSI6MCwiUGFyZW50U3R5bGUiOm51bGx9LCJQYXJlbnRTdHlsZSI6bnVsbH0sIkRhdGVGb3JtYXQiOnsiJGlkIjoiOT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eyIkaWQiOiIxMDA5IiwiTGluZUNvbG9yIjpudWxsLCJMaW5lV2VpZ2h0IjowLjAsIkxpbmVUeXBlIjowLCJQYXJlbnRTdHlsZSI6bnVsbH0sIlBhcmVudFN0eWxlIjpudWxsfSwiRGF0ZVN0eWxlIjp7IiRpZCI6IjEwMTAiLCJGb250U2V0dGluZ3MiOnsiJGlkIjoiMTAxMSIsIkZvbnRTaXplIjoxMCwiRm9udE5hbWUiOiJTZWdvZSBVSSIsIklzQm9sZCI6dHJ1ZSwiSXNJdGFsaWMiOmZhbHNlLCJJc1VuZGVybGluZWQiOmZhbHNlLCJQYXJlbnRTdHlsZSI6bnVsbH0sIkF1dG9TaXplIjowLCJGb3JlZ3JvdW5kIjp7IiRpZCI6IjEwMTIiLCJDb2xvciI6eyIkaWQiOiIxMDEz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xMDQzIiwiVG9wIjowLjAsIkxlZnQiOjAuMCwiUmlnaHQiOjAuMCwiQm90dG9tIjowLjB9LCJQYWRkaW5nIjp7IiRpZCI6IjEwNDQiLCJUb3AiOjAuMCwiTGVmdCI6MC4wLCJSaWdodCI6MC4wLCJCb3R0b20iOjAuMH0sIkJhY2tncm91bmQiOnsiJGlkIjoiMTA0NSIsIkNvbG9yIjp7IiRpZCI6IjEwNDYiLCJBIjowLCJSIjowLCJHIjowLCJCIjowfX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lNlZ29lIFVJIiwiSXNCb2xkIjp0cnVlLCJJc0l0YWxpYyI6ZmFsc2UsIklzVW5kZXJsaW5lZCI6ZmFsc2UsIlBhcmVudFN0eWxlIjpudWxsfSwiQXV0b1NpemUiOjAsIkZvcmVncm91bmQiOnsiJGlkIjoiMTA1MCIsIkNvbG9yIjp7IiRpZCI6IjEwNT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MC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AsXCJSXCI6MCxcIkdcIjowLFwiQlwiOjB9fSxcIklzVmlzaWJsZVwiOnRydWUsXCJXaWR0aFwiOjAuMCxcIkhlaWdodFwiOjAuMCxcIkJvcmRlclN0eWxlXCI6bnVsbH0sXCJUaXRsZVBvc2l0aW9uXCI6MixcIkRhdGVQb3NpdGlvblwiOlwiTGVmdFwiLFwiU2hhcGVUeXBlXCI6Mi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C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A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IsIlNvdXJjZVRoZW1lIjoie1wiJGlkXCI6XCIxXCIsXCJJZFwiOlwiZDAxNTg0MzQtZjVkMC00ODllLTgwOWItNWVkNTFiOTE3MTc1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MsXCJTZWdtZW50VGV4dFN0eWxlXCI6e1wiJGlkXCI6XCIyNFwiLFwiRm9udFNldHRpbmdzXCI6e1wiJGlkXCI6XCIyNVwiLFwiRm9udFNpemVcIjoxNixcIkZvbnROYW1lXCI6XCJTZWdvZSBVSSBCbGFja1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CxcIkdcIjowLFwiQlwiOjB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0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NCxcIlRpdGxlUG9zaXRpb25cIjowLFwiRHVyYXRpb25Qb3NpdGlvblwiOjA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1NSxcIkdcIjoyNTUsXCJCXCI6MjU1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LFwiSXNCZWxvd1RpbWViYW5kXCI6dHJ1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wMSxcIkdcIjo1NCxcIkJcIjozM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S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AxLFwiR1wiOjU0LFwiQlwiOjMx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JhM2M1Y2I2LTBiMTMtNDU2OC1iZDQ4LTQ5Y2UyZWNhNzllM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1NSxcIkdcIjoyNTUsXCJCXCI6MjU1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1NSxcIkdcIjoyNTUsXCJCXCI6MjU1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jU1LFwiQlwiOjI1N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U1LFwiR1wiOjI1NSxcIkJcIjoyNTV9fSxcIklzVmlzaWJsZVwiOnRydWUsXCJXaWR0aFwiOjEzLjAsXCJIZWlnaHRcIjoxMy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U1LFwiR1wiOjI1NSxcIkJcIjoyNTV9fSxcIklzVmlzaWJsZVwiOnRydWUsXCJXaWR0aFwiOjAuMCxcIkhlaWdodFwiOjEw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U1LFwiR1wiOjI1NSxcIkJcIjoyNTV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NSxcIlNwYWNpbmdCZWxvd1RpbWViYW5kXCI6NSxcIlNwYWNpbmdBYm92ZUJldHdlZW5Td2ltbGFuZXNBbmRUYXNrc1wiOjEwLFwiU3BhY2luZ0JlbG93QmV0d2VlblN3aW1sYW5lc0FuZFRhc2tzXCI6MTB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AsXCJHXCI6MCxcIkJcIjowfSxcIkFjY2VudDNcIjp7XCIkaWRcIjpcIjI3N1wiLFwiQVwiOjI1NSxcIlJcIjoyNTUsXCJHXCI6MjU1LFwiQlwiOjI1NX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EyMzIiLCJJbXBhT3B0aW9ucyI6eyIkaWQiOiIxMjM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5"/>
  <p:tag name="OTLTIMEBANDSPACINGBELOW" val="5"/>
  <p:tag name="OTLTIMEBANDQUICKPOSITION" val="Custom"/>
  <p:tag name="OTLTIMEBANDAUTODATERANGE" val="False"/>
  <p:tag name="OTLTIMEBANDSTARTDATE" val="1855-09-22T23:59:00.0000000"/>
  <p:tag name="OTLTIMEBANDENDDATE" val="2054-06-19T23:59:00.0000000"/>
  <p:tag name="OTLTIMEBANDSPACINGABOVEFORSWLANDTASKS" val="10"/>
  <p:tag name="OTLTIMEBANDSPACINGBELOWFORSWLANDTASKS" val="1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865-01-01T23:59:00.0000000"/>
  <p:tag name="OTLENDDATE" val="1867-01-02T23:59:00.0000000"/>
  <p:tag name="OTLDURATIONFORMAT" val="day"/>
  <p:tag name="OTLSHAPETHICKNESSTYPE" val="Thin"/>
  <p:tag name="OTLSPACING" val="3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867-06-21T23:59:00.0000000Z"/>
  <p:tag name="OTLENDDATE" val="1877-06-22T23:59:00.0000000Z"/>
  <p:tag name="OTLDURATIONFORMAT" val="day"/>
  <p:tag name="OTLSHAPETHICKNESSTYPE" val="Thin"/>
  <p:tag name="OTLSPACING" val="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16-06-24T00:00:00.0000000Z"/>
  <p:tag name="OTLENDDATE" val="1970-06-24T23:59:00.0000000Z"/>
  <p:tag name="OTLDURATIONFORMAT" val="day"/>
  <p:tag name="OTLSHAPETHICKNESSTYPE" val="Thin"/>
  <p:tag name="OTLSPACING" val="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reedom's Eve"/>
  <p:tag name="OTLDATE" val="1863-01-01T23:59:00.0000000"/>
  <p:tag name="OTLPOSITIONONTASK" val="None"/>
  <p:tag name="OTLRELATEDTASKID" val="00000000-0000-0000-0000-000000000000"/>
  <p:tag name="OTLDATEFORMATSTRING" val="MMMM d, yyyy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on Troops arrive in Galveston Bay, Texas, liberate 250k slaves"/>
  <p:tag name="OTLDATE" val="1865-06-19T23:59:00.0000000"/>
  <p:tag name="OTLPOSITIONONTASK" val="None"/>
  <p:tag name="OTLRELATEDTASKID" val="00000000-0000-0000-0000-000000000000"/>
  <p:tag name="OTLDATEFORMATSTRING" val="MMMM d, yyyy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Juneteenth official celebration"/>
  <p:tag name="OTLDATE" val="1866-06-19T23:59:00.0000000"/>
  <p:tag name="OTLPOSITIONONTASK" val="None"/>
  <p:tag name="OTLRELATEDTASKID" val="00000000-0000-0000-0000-000000000000"/>
  <p:tag name="OTLDATEFORMATSTRING" val="MMMM d, yyyy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uneteenth becomes state holiday in Texas"/>
  <p:tag name="OTLDATE" val="1980-06-19T23:59:00.0000000"/>
  <p:tag name="OTLPOSITIONONTASK" val="None"/>
  <p:tag name="OTLRELATEDTASKID" val="00000000-0000-0000-0000-000000000000"/>
  <p:tag name="OTLDATEFORMATSTRING" val="MMMM d, yyyy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uneteenth is elevated to federal holiday"/>
  <p:tag name="OTLDATE" val="2021-06-17T23:59:00.0000000"/>
  <p:tag name="OTLPOSITIONONTASK" val="None"/>
  <p:tag name="OTLRELATEDTASKID" val="00000000-0000-0000-0000-000000000000"/>
  <p:tag name="OTLDATEFORMATSTRING" val="MMMM d, yyyy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rbara Rose Collins proposes bill to make Juneteenth into a federal holiday"/>
  <p:tag name="OTLPOSITIONONTASK" val="None"/>
  <p:tag name="OTLRELATEDTASKID" val="00000000-0000-0000-0000-000000000000"/>
  <p:tag name="OTLDATEFORMATSTRING" val="yyyy"/>
  <p:tag name="OTLDATE" val="1996-06-18T23:59:00.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uneteenth Flag created by Ben Haith of NJCF"/>
  <p:tag name="OTLDATE" val="1997-06-21T23:59:00.0000000"/>
  <p:tag name="OTLPOSITIONONTASK" val="None"/>
  <p:tag name="OTLRELATEDTASKID" val="00000000-0000-0000-0000-000000000000"/>
  <p:tag name="OTLDATEFORMATSTRING" val="yyyy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uneteenth resurges during Civil Rights movement"/>
  <p:tag name="OTLDATE" val="1960-06-23T23:59:00.0000000"/>
  <p:tag name="OTLPOSITIONONTASK" val="None"/>
  <p:tag name="OTLRELATEDTASKID" val="00000000-0000-0000-0000-000000000000"/>
  <p:tag name="OTLDATEFORMATSTRING" val="yyyy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872-06-19T23:59:00.0000000"/>
  <p:tag name="OTLPOSITIONONTASK" val="None"/>
  <p:tag name="OTLRELATEDTASKID" val="00000000-0000-0000-0000-000000000000"/>
  <p:tag name="OTLDATEFORMATSTRING" val="MMMM d, yyyy"/>
  <p:tag name="OTLMTITLE" val="Black people of Houston Texas buy land for Juneteenth, create Emancipation park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tivist Opal Lee starts Opal's Walk 2 DC at the age of 89 to raise awarenes about Juneteenth"/>
  <p:tag name="OTLDATE" val="2016-06-20T23:59:00.0000000"/>
  <p:tag name="OTLPOSITIONONTASK" val="None"/>
  <p:tag name="OTLRELATEDTASKID" val="00000000-0000-0000-0000-000000000000"/>
  <p:tag name="OTLDATEFORMATSTRING" val="yyyy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arlem Renaissance"/>
  <p:tag name="OTLDATE" val="1920-06-26T23:59:00.0000000"/>
  <p:tag name="OTLPOSITIONONTASK" val="None"/>
  <p:tag name="OTLRELATEDTASKID" val="00000000-0000-0000-0000-000000000000"/>
  <p:tag name="OTLDATEFORMATSTRING" val="yyyy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own v. Board of Education, Supreme Court declares segregation in public schools unconstitutional"/>
  <p:tag name="OTLDATE" val="1954-06-28T23:59:00.0000000"/>
  <p:tag name="OTLPOSITIONONTASK" val="None"/>
  <p:tag name="OTLRELATEDTASKID" val="00000000-0000-0000-0000-000000000000"/>
  <p:tag name="OTLDATEFORMATSTRING" val="yyyy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09-06-29T23:59:00.0000000"/>
  <p:tag name="OTLPOSITIONONTASK" val="None"/>
  <p:tag name="OTLRELATEDTASKID" val="00000000-0000-0000-0000-000000000000"/>
  <p:tag name="OTLDATEFORMATSTRING" val="yyyy"/>
  <p:tag name="OTLMTITLE" val="NAACP founded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57-06-30T23:59:00.0000000"/>
  <p:tag name="OTLPOSITIONONTASK" val="None"/>
  <p:tag name="OTLRELATEDTASKID" val="00000000-0000-0000-0000-000000000000"/>
  <p:tag name="OTLDATEFORMATSTRING" val="yyyy"/>
  <p:tag name="OTLMTITLE" val="Martin Luther King  founds SCLC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4</Words>
  <Application>Microsoft Office PowerPoint</Application>
  <PresentationFormat>Widescreen</PresentationFormat>
  <Paragraphs>63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ptos</vt:lpstr>
      <vt:lpstr>Aptos Black</vt:lpstr>
      <vt:lpstr>Aptos Display</vt:lpstr>
      <vt:lpstr>Arial</vt:lpstr>
      <vt:lpstr>Calibri</vt:lpstr>
      <vt:lpstr>Segoe Print</vt:lpstr>
      <vt:lpstr>Segoe UI</vt:lpstr>
      <vt:lpstr>Segoe UI Black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12T09:18:55Z</dcterms:created>
  <dcterms:modified xsi:type="dcterms:W3CDTF">2024-06-14T09:35:24Z</dcterms:modified>
</cp:coreProperties>
</file>